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0522\07_連携Ｇ\07_地球温暖化対策（連携G)\01_脱炭素社会の実現\04_次世代型太陽電池普及促進事業費補助\99_令和８年度\01_募集要綱\"/>
    </mc:Choice>
  </mc:AlternateContent>
  <xr:revisionPtr revIDLastSave="0" documentId="13_ncr:1_{95B8F371-FEEE-441C-B5AF-A4CE2F396C78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様式５" sheetId="1" r:id="rId1"/>
  </sheets>
  <definedNames>
    <definedName name="_xlnm.Print_Area" localSheetId="0">様式５!$A$1:$J$21</definedName>
    <definedName name="_xlnm.Print_Titles" localSheetId="0">様式５!$5:$5</definedName>
    <definedName name="モジュール">#REF!</definedName>
    <definedName name="モジュール種類">#REF!</definedName>
    <definedName name="一面">#REF!</definedName>
    <definedName name="屋根形状">#REF!</definedName>
    <definedName name="屋根材">#REF!</definedName>
    <definedName name="屋根材２">#REF!</definedName>
    <definedName name="三面">#REF!</definedName>
    <definedName name="設置面">#REF!</definedName>
    <definedName name="提案区分">#REF!</definedName>
    <definedName name="二面">#REF!</definedName>
    <definedName name="年間予測発電量基準地点">#REF!</definedName>
    <definedName name="方角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" uniqueCount="12">
  <si>
    <t>No.</t>
    <phoneticPr fontId="1"/>
  </si>
  <si>
    <t>役職名</t>
    <rPh sb="0" eb="2">
      <t>ヤクショク</t>
    </rPh>
    <rPh sb="2" eb="3">
      <t>メイ</t>
    </rPh>
    <phoneticPr fontId="1"/>
  </si>
  <si>
    <t>名称・氏名カナ</t>
    <rPh sb="0" eb="2">
      <t>メイショウ</t>
    </rPh>
    <rPh sb="3" eb="5">
      <t>シメイ</t>
    </rPh>
    <phoneticPr fontId="1"/>
  </si>
  <si>
    <t>名称・氏名漢字</t>
    <rPh sb="0" eb="2">
      <t>メイショウ</t>
    </rPh>
    <rPh sb="3" eb="5">
      <t>シメイ</t>
    </rPh>
    <rPh sb="5" eb="7">
      <t>カンジ</t>
    </rPh>
    <phoneticPr fontId="1"/>
  </si>
  <si>
    <t>生</t>
    <rPh sb="0" eb="1">
      <t>セイ</t>
    </rPh>
    <phoneticPr fontId="2"/>
  </si>
  <si>
    <t>年</t>
    <rPh sb="0" eb="1">
      <t>ネン</t>
    </rPh>
    <phoneticPr fontId="2"/>
  </si>
  <si>
    <t>月</t>
    <rPh sb="0" eb="1">
      <t>ツキ</t>
    </rPh>
    <phoneticPr fontId="2"/>
  </si>
  <si>
    <t>日</t>
    <rPh sb="0" eb="1">
      <t>ヒ</t>
    </rPh>
    <phoneticPr fontId="2"/>
  </si>
  <si>
    <t>性別</t>
    <rPh sb="0" eb="2">
      <t>セイベツ</t>
    </rPh>
    <phoneticPr fontId="1"/>
  </si>
  <si>
    <t>住所</t>
    <rPh sb="0" eb="2">
      <t>ジュウショ</t>
    </rPh>
    <phoneticPr fontId="1"/>
  </si>
  <si>
    <t>様式５</t>
    <rPh sb="0" eb="2">
      <t>ヨウシキ</t>
    </rPh>
    <phoneticPr fontId="1"/>
  </si>
  <si>
    <t>役員等氏名一覧表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11"/>
      <color theme="1"/>
      <name val="游ゴシック"/>
      <family val="3"/>
      <charset val="128"/>
      <scheme val="minor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3">
    <xf numFmtId="0" fontId="0" fillId="0" borderId="0"/>
    <xf numFmtId="0" fontId="3" fillId="0" borderId="0">
      <alignment vertical="center"/>
    </xf>
    <xf numFmtId="0" fontId="4" fillId="0" borderId="0"/>
  </cellStyleXfs>
  <cellXfs count="19">
    <xf numFmtId="0" fontId="0" fillId="0" borderId="0" xfId="0"/>
    <xf numFmtId="0" fontId="0" fillId="0" borderId="1" xfId="0" applyFill="1" applyBorder="1" applyAlignment="1">
      <alignment vertical="center"/>
    </xf>
    <xf numFmtId="0" fontId="0" fillId="0" borderId="1" xfId="0" applyFill="1" applyBorder="1" applyAlignment="1">
      <alignment vertical="center" shrinkToFit="1"/>
    </xf>
    <xf numFmtId="0" fontId="0" fillId="0" borderId="1" xfId="0" applyFont="1" applyFill="1" applyBorder="1" applyAlignment="1">
      <alignment horizontal="left" vertical="center"/>
    </xf>
    <xf numFmtId="0" fontId="0" fillId="0" borderId="1" xfId="0" applyFill="1" applyBorder="1" applyAlignment="1">
      <alignment horizontal="center" vertical="center"/>
    </xf>
    <xf numFmtId="0" fontId="0" fillId="0" borderId="1" xfId="0" applyFont="1" applyFill="1" applyBorder="1" applyAlignment="1">
      <alignment vertical="center"/>
    </xf>
    <xf numFmtId="0" fontId="0" fillId="0" borderId="0" xfId="0" applyFill="1" applyAlignment="1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2" xfId="0" applyFill="1" applyBorder="1" applyAlignment="1">
      <alignment vertical="center"/>
    </xf>
    <xf numFmtId="0" fontId="0" fillId="0" borderId="2" xfId="0" applyFill="1" applyBorder="1" applyAlignment="1">
      <alignment horizontal="center" vertical="center"/>
    </xf>
    <xf numFmtId="0" fontId="0" fillId="0" borderId="2" xfId="0" applyFont="1" applyFill="1" applyBorder="1" applyAlignment="1">
      <alignment vertical="center"/>
    </xf>
    <xf numFmtId="0" fontId="0" fillId="0" borderId="2" xfId="0" applyFont="1" applyFill="1" applyBorder="1" applyAlignment="1">
      <alignment horizontal="left" vertical="center"/>
    </xf>
    <xf numFmtId="0" fontId="0" fillId="0" borderId="2" xfId="0" applyFill="1" applyBorder="1" applyAlignment="1">
      <alignment vertical="center" shrinkToFit="1"/>
    </xf>
    <xf numFmtId="49" fontId="0" fillId="0" borderId="2" xfId="0" applyNumberFormat="1" applyFill="1" applyBorder="1" applyAlignment="1">
      <alignment horizontal="center" vertical="center"/>
    </xf>
    <xf numFmtId="0" fontId="0" fillId="0" borderId="0" xfId="0" applyFont="1" applyFill="1" applyAlignment="1">
      <alignment horizontal="left" vertical="center"/>
    </xf>
    <xf numFmtId="0" fontId="0" fillId="0" borderId="0" xfId="0" applyFill="1" applyAlignment="1">
      <alignment horizontal="center" vertical="center"/>
    </xf>
    <xf numFmtId="0" fontId="0" fillId="0" borderId="0" xfId="0" applyFont="1" applyFill="1" applyAlignment="1">
      <alignment vertical="center"/>
    </xf>
    <xf numFmtId="0" fontId="0" fillId="0" borderId="0" xfId="0" applyFill="1" applyAlignment="1">
      <alignment vertical="center" shrinkToFit="1"/>
    </xf>
    <xf numFmtId="0" fontId="0" fillId="0" borderId="0" xfId="0" applyFill="1" applyAlignment="1">
      <alignment horizontal="center" vertical="center"/>
    </xf>
  </cellXfs>
  <cellStyles count="3">
    <cellStyle name="標準" xfId="0" builtinId="0"/>
    <cellStyle name="標準 2" xfId="1" xr:uid="{00000000-0005-0000-0000-000001000000}"/>
    <cellStyle name="標準 7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P44"/>
  <sheetViews>
    <sheetView tabSelected="1" view="pageBreakPreview" zoomScaleNormal="100" zoomScaleSheetLayoutView="100" zoomScalePageLayoutView="55" workbookViewId="0">
      <selection activeCell="D7" sqref="D7"/>
    </sheetView>
  </sheetViews>
  <sheetFormatPr defaultColWidth="9" defaultRowHeight="13.2" x14ac:dyDescent="0.2"/>
  <cols>
    <col min="1" max="1" width="3.88671875" style="6" customWidth="1"/>
    <col min="2" max="2" width="15.6640625" style="17" customWidth="1"/>
    <col min="3" max="3" width="31.77734375" style="6" customWidth="1"/>
    <col min="4" max="4" width="20.6640625" style="14" customWidth="1"/>
    <col min="5" max="8" width="3.6640625" style="15" customWidth="1"/>
    <col min="9" max="9" width="5.21875" style="15" customWidth="1"/>
    <col min="10" max="10" width="64.6640625" style="16" customWidth="1"/>
    <col min="11" max="11" width="2.44140625" style="6" customWidth="1"/>
    <col min="12" max="12" width="2.6640625" style="6" customWidth="1"/>
    <col min="13" max="13" width="30.6640625" style="6" customWidth="1"/>
    <col min="14" max="14" width="2.6640625" style="6" customWidth="1"/>
    <col min="15" max="15" width="30.6640625" style="6" customWidth="1"/>
    <col min="16" max="16384" width="9" style="6"/>
  </cols>
  <sheetData>
    <row r="1" spans="1:16" x14ac:dyDescent="0.2">
      <c r="A1" s="6" t="s">
        <v>10</v>
      </c>
    </row>
    <row r="3" spans="1:16" x14ac:dyDescent="0.2">
      <c r="A3" s="18" t="s">
        <v>11</v>
      </c>
      <c r="B3" s="18"/>
      <c r="C3" s="18"/>
      <c r="D3" s="18"/>
      <c r="E3" s="18"/>
      <c r="F3" s="18"/>
      <c r="G3" s="18"/>
      <c r="H3" s="18"/>
      <c r="I3" s="18"/>
      <c r="J3" s="18"/>
    </row>
    <row r="5" spans="1:16" ht="30" customHeight="1" thickBot="1" x14ac:dyDescent="0.25">
      <c r="A5" s="1" t="s">
        <v>0</v>
      </c>
      <c r="B5" s="2" t="s">
        <v>1</v>
      </c>
      <c r="C5" s="1" t="s">
        <v>2</v>
      </c>
      <c r="D5" s="3" t="s">
        <v>3</v>
      </c>
      <c r="E5" s="4" t="s">
        <v>4</v>
      </c>
      <c r="F5" s="4" t="s">
        <v>5</v>
      </c>
      <c r="G5" s="4" t="s">
        <v>6</v>
      </c>
      <c r="H5" s="4" t="s">
        <v>7</v>
      </c>
      <c r="I5" s="4" t="s">
        <v>8</v>
      </c>
      <c r="J5" s="5" t="s">
        <v>9</v>
      </c>
      <c r="L5" s="7"/>
      <c r="M5" s="7"/>
      <c r="N5" s="7"/>
      <c r="O5" s="7"/>
      <c r="P5" s="7"/>
    </row>
    <row r="6" spans="1:16" ht="30" customHeight="1" thickTop="1" x14ac:dyDescent="0.2">
      <c r="A6" s="8"/>
      <c r="B6" s="12"/>
      <c r="C6" s="8"/>
      <c r="D6" s="11"/>
      <c r="E6" s="9"/>
      <c r="F6" s="9"/>
      <c r="G6" s="9"/>
      <c r="H6" s="9"/>
      <c r="I6" s="9"/>
      <c r="J6" s="10"/>
    </row>
    <row r="7" spans="1:16" ht="30" customHeight="1" x14ac:dyDescent="0.2">
      <c r="A7" s="8">
        <v>1</v>
      </c>
      <c r="B7" s="12"/>
      <c r="C7" s="8"/>
      <c r="D7" s="11"/>
      <c r="E7" s="9"/>
      <c r="F7" s="9"/>
      <c r="G7" s="13"/>
      <c r="H7" s="13"/>
      <c r="I7" s="9"/>
      <c r="J7" s="10"/>
    </row>
    <row r="8" spans="1:16" ht="30" customHeight="1" x14ac:dyDescent="0.2">
      <c r="A8" s="8">
        <v>2</v>
      </c>
      <c r="B8" s="12"/>
      <c r="C8" s="8"/>
      <c r="D8" s="11"/>
      <c r="E8" s="9"/>
      <c r="F8" s="9"/>
      <c r="G8" s="13"/>
      <c r="H8" s="13"/>
      <c r="I8" s="9"/>
      <c r="J8" s="10"/>
    </row>
    <row r="9" spans="1:16" ht="30" customHeight="1" x14ac:dyDescent="0.2">
      <c r="A9" s="8">
        <v>3</v>
      </c>
      <c r="B9" s="12"/>
      <c r="C9" s="8"/>
      <c r="D9" s="11"/>
      <c r="E9" s="9"/>
      <c r="F9" s="9"/>
      <c r="G9" s="13"/>
      <c r="H9" s="13"/>
      <c r="I9" s="9"/>
      <c r="J9" s="10"/>
    </row>
    <row r="10" spans="1:16" ht="30" customHeight="1" x14ac:dyDescent="0.2">
      <c r="A10" s="8">
        <v>4</v>
      </c>
      <c r="B10" s="12"/>
      <c r="C10" s="8"/>
      <c r="D10" s="11"/>
      <c r="E10" s="9"/>
      <c r="F10" s="9"/>
      <c r="G10" s="13"/>
      <c r="H10" s="13"/>
      <c r="I10" s="9"/>
      <c r="J10" s="10"/>
    </row>
    <row r="11" spans="1:16" ht="30" customHeight="1" x14ac:dyDescent="0.2">
      <c r="A11" s="8">
        <v>5</v>
      </c>
      <c r="B11" s="12"/>
      <c r="C11" s="8"/>
      <c r="D11" s="11"/>
      <c r="E11" s="9"/>
      <c r="F11" s="9"/>
      <c r="G11" s="13"/>
      <c r="H11" s="13"/>
      <c r="I11" s="9"/>
      <c r="J11" s="10"/>
    </row>
    <row r="12" spans="1:16" ht="30" customHeight="1" x14ac:dyDescent="0.2">
      <c r="A12" s="8">
        <v>6</v>
      </c>
      <c r="B12" s="12"/>
      <c r="C12" s="8"/>
      <c r="D12" s="11"/>
      <c r="E12" s="9"/>
      <c r="F12" s="9"/>
      <c r="G12" s="13"/>
      <c r="H12" s="13"/>
      <c r="I12" s="9"/>
      <c r="J12" s="10"/>
    </row>
    <row r="13" spans="1:16" ht="30" customHeight="1" x14ac:dyDescent="0.2">
      <c r="A13" s="8">
        <v>7</v>
      </c>
      <c r="B13" s="12"/>
      <c r="C13" s="8"/>
      <c r="D13" s="11"/>
      <c r="E13" s="9"/>
      <c r="F13" s="9"/>
      <c r="G13" s="13"/>
      <c r="H13" s="13"/>
      <c r="I13" s="9"/>
      <c r="J13" s="10"/>
    </row>
    <row r="14" spans="1:16" ht="30" customHeight="1" x14ac:dyDescent="0.2">
      <c r="A14" s="8">
        <v>8</v>
      </c>
      <c r="B14" s="12"/>
      <c r="C14" s="8"/>
      <c r="D14" s="11"/>
      <c r="E14" s="9"/>
      <c r="F14" s="9"/>
      <c r="G14" s="13"/>
      <c r="H14" s="13"/>
      <c r="I14" s="9"/>
      <c r="J14" s="10"/>
    </row>
    <row r="15" spans="1:16" ht="30" customHeight="1" x14ac:dyDescent="0.2">
      <c r="A15" s="8">
        <v>9</v>
      </c>
      <c r="B15" s="12"/>
      <c r="C15" s="8"/>
      <c r="D15" s="11"/>
      <c r="E15" s="9"/>
      <c r="F15" s="9"/>
      <c r="G15" s="13"/>
      <c r="H15" s="13"/>
      <c r="I15" s="9"/>
      <c r="J15" s="10"/>
    </row>
    <row r="16" spans="1:16" ht="30" customHeight="1" x14ac:dyDescent="0.2">
      <c r="A16" s="8">
        <v>10</v>
      </c>
      <c r="B16" s="12"/>
      <c r="C16" s="8"/>
      <c r="D16" s="11"/>
      <c r="E16" s="9"/>
      <c r="F16" s="9"/>
      <c r="G16" s="13"/>
      <c r="H16" s="13"/>
      <c r="I16" s="9"/>
      <c r="J16" s="10"/>
    </row>
    <row r="17" spans="1:10" ht="30" customHeight="1" x14ac:dyDescent="0.2">
      <c r="A17" s="8">
        <v>11</v>
      </c>
      <c r="B17" s="12"/>
      <c r="C17" s="8"/>
      <c r="D17" s="11"/>
      <c r="E17" s="9"/>
      <c r="F17" s="9"/>
      <c r="G17" s="13"/>
      <c r="H17" s="13"/>
      <c r="I17" s="9"/>
      <c r="J17" s="10"/>
    </row>
    <row r="18" spans="1:10" ht="30" customHeight="1" x14ac:dyDescent="0.2">
      <c r="A18" s="8">
        <v>12</v>
      </c>
      <c r="B18" s="12"/>
      <c r="C18" s="8"/>
      <c r="D18" s="11"/>
      <c r="E18" s="9"/>
      <c r="F18" s="9"/>
      <c r="G18" s="13"/>
      <c r="H18" s="13"/>
      <c r="I18" s="9"/>
      <c r="J18" s="10"/>
    </row>
    <row r="19" spans="1:10" ht="30" customHeight="1" x14ac:dyDescent="0.2">
      <c r="A19" s="8">
        <v>13</v>
      </c>
      <c r="B19" s="12"/>
      <c r="C19" s="8"/>
      <c r="D19" s="11"/>
      <c r="E19" s="9"/>
      <c r="F19" s="9"/>
      <c r="G19" s="13"/>
      <c r="H19" s="13"/>
      <c r="I19" s="9"/>
      <c r="J19" s="10"/>
    </row>
    <row r="20" spans="1:10" ht="30" customHeight="1" x14ac:dyDescent="0.2">
      <c r="A20" s="8">
        <v>14</v>
      </c>
      <c r="B20" s="12"/>
      <c r="C20" s="8"/>
      <c r="D20" s="11"/>
      <c r="E20" s="9"/>
      <c r="F20" s="9"/>
      <c r="G20" s="13"/>
      <c r="H20" s="13"/>
      <c r="I20" s="9"/>
      <c r="J20" s="10"/>
    </row>
    <row r="21" spans="1:10" ht="30" customHeight="1" x14ac:dyDescent="0.2">
      <c r="A21" s="8">
        <v>15</v>
      </c>
      <c r="B21" s="12"/>
      <c r="C21" s="8"/>
      <c r="D21" s="11"/>
      <c r="E21" s="9"/>
      <c r="F21" s="9"/>
      <c r="G21" s="13"/>
      <c r="H21" s="13"/>
      <c r="I21" s="9"/>
      <c r="J21" s="10"/>
    </row>
    <row r="22" spans="1:10" ht="30" customHeight="1" x14ac:dyDescent="0.2"/>
    <row r="23" spans="1:10" ht="30" customHeight="1" x14ac:dyDescent="0.2"/>
    <row r="24" spans="1:10" ht="30" customHeight="1" x14ac:dyDescent="0.2"/>
    <row r="25" spans="1:10" ht="30" customHeight="1" x14ac:dyDescent="0.2"/>
    <row r="26" spans="1:10" ht="30" customHeight="1" x14ac:dyDescent="0.2"/>
    <row r="27" spans="1:10" ht="30" customHeight="1" x14ac:dyDescent="0.2"/>
    <row r="28" spans="1:10" ht="30" customHeight="1" x14ac:dyDescent="0.2"/>
    <row r="29" spans="1:10" ht="30" customHeight="1" x14ac:dyDescent="0.2"/>
    <row r="30" spans="1:10" ht="30" customHeight="1" x14ac:dyDescent="0.2"/>
    <row r="31" spans="1:10" ht="30" customHeight="1" x14ac:dyDescent="0.2"/>
    <row r="32" spans="1:10" ht="30" customHeight="1" x14ac:dyDescent="0.2"/>
    <row r="33" ht="30" customHeight="1" x14ac:dyDescent="0.2"/>
    <row r="34" ht="30" customHeight="1" x14ac:dyDescent="0.2"/>
    <row r="35" ht="30" customHeight="1" x14ac:dyDescent="0.2"/>
    <row r="36" ht="30" customHeight="1" x14ac:dyDescent="0.2"/>
    <row r="37" ht="30" customHeight="1" x14ac:dyDescent="0.2"/>
    <row r="38" ht="30" customHeight="1" x14ac:dyDescent="0.2"/>
    <row r="39" ht="30" customHeight="1" x14ac:dyDescent="0.2"/>
    <row r="40" ht="30" customHeight="1" x14ac:dyDescent="0.2"/>
    <row r="41" ht="30" customHeight="1" x14ac:dyDescent="0.2"/>
    <row r="42" ht="30" customHeight="1" x14ac:dyDescent="0.2"/>
    <row r="43" ht="30" customHeight="1" x14ac:dyDescent="0.2"/>
    <row r="44" ht="30" customHeight="1" x14ac:dyDescent="0.2"/>
  </sheetData>
  <mergeCells count="1">
    <mergeCell ref="A3:J3"/>
  </mergeCells>
  <phoneticPr fontId="1"/>
  <dataValidations count="1">
    <dataValidation imeMode="halfKatakana" allowBlank="1" showInputMessage="1" showErrorMessage="1" sqref="L1:N1048576 C1:C2 C4:C1048576" xr:uid="{00000000-0002-0000-0000-000000000000}"/>
  </dataValidations>
  <pageMargins left="0.39370078740157483" right="0.39370078740157483" top="1.3779527559055118" bottom="0.51181102362204722" header="0.43307086614173229" footer="0.51181102362204722"/>
  <pageSetup paperSize="9" scale="83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様式５</vt:lpstr>
      <vt:lpstr>様式５!Print_Area</vt:lpstr>
      <vt:lpstr>様式５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7-10T07:44:36Z</cp:lastPrinted>
  <dcterms:created xsi:type="dcterms:W3CDTF">2024-11-13T08:34:53Z</dcterms:created>
  <dcterms:modified xsi:type="dcterms:W3CDTF">2026-03-13T10:18:12Z</dcterms:modified>
</cp:coreProperties>
</file>